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82"/>
  <workbookPr/>
  <mc:AlternateContent xmlns:mc="http://schemas.openxmlformats.org/markup-compatibility/2006">
    <mc:Choice Requires="x15">
      <x15ac:absPath xmlns:x15ac="http://schemas.microsoft.com/office/spreadsheetml/2010/11/ac" url="C:\Users\i5\Downloads\"/>
    </mc:Choice>
  </mc:AlternateContent>
  <xr:revisionPtr revIDLastSave="0" documentId="8_{DEBF438D-703D-455D-99E4-5900A25F67C8}" xr6:coauthVersionLast="36" xr6:coauthVersionMax="36" xr10:uidLastSave="{00000000-0000-0000-0000-000000000000}"/>
  <bookViews>
    <workbookView xWindow="0" yWindow="0" windowWidth="23040" windowHeight="8484" xr2:uid="{00000000-000D-0000-FFFF-FFFF00000000}"/>
  </bookViews>
  <sheets>
    <sheet name="1" sheetId="1" r:id="rId1"/>
  </sheets>
  <calcPr calcId="191029" refMode="R1C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25" i="1" l="1"/>
  <c r="F13" i="1"/>
</calcChain>
</file>

<file path=xl/sharedStrings.xml><?xml version="1.0" encoding="utf-8"?>
<sst xmlns="http://schemas.openxmlformats.org/spreadsheetml/2006/main" count="43" uniqueCount="40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1 блюдо</t>
  </si>
  <si>
    <t>2 блюдо</t>
  </si>
  <si>
    <t>гарнир</t>
  </si>
  <si>
    <t>хлеб черн.</t>
  </si>
  <si>
    <t>Отд./корп</t>
  </si>
  <si>
    <t>хлеб</t>
  </si>
  <si>
    <t>№ рец.</t>
  </si>
  <si>
    <t>Выход, г</t>
  </si>
  <si>
    <t>МБОУ лицей №2 г. Дюртюли</t>
  </si>
  <si>
    <t>Итого</t>
  </si>
  <si>
    <t>150/5</t>
  </si>
  <si>
    <t>Какао с молоком</t>
  </si>
  <si>
    <t xml:space="preserve">Хлеб пшеничный обогащенный витаминами для детского питания </t>
  </si>
  <si>
    <t xml:space="preserve">Масло сливочное </t>
  </si>
  <si>
    <t xml:space="preserve">Сыр (порциями) </t>
  </si>
  <si>
    <t xml:space="preserve">Щи из свежей капусты со сметаной </t>
  </si>
  <si>
    <t>200/5</t>
  </si>
  <si>
    <t>Макаронные изделия отварные с маслом</t>
  </si>
  <si>
    <t>150/50</t>
  </si>
  <si>
    <t xml:space="preserve">Хлеб ржано-пшеничный </t>
  </si>
  <si>
    <t>Чай с сахаром с лимоном</t>
  </si>
  <si>
    <t xml:space="preserve">Каша молочная пшенная с маслом </t>
  </si>
  <si>
    <t>Сок</t>
  </si>
  <si>
    <t>Гуляш</t>
  </si>
  <si>
    <t>45/4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Calibri"/>
      <family val="2"/>
      <scheme val="minor"/>
    </font>
    <font>
      <sz val="8"/>
      <color theme="1"/>
      <name val="Arial"/>
      <family val="2"/>
      <charset val="204"/>
    </font>
    <font>
      <sz val="10"/>
      <color theme="1"/>
      <name val="Times New Roman"/>
      <family val="1"/>
      <charset val="204"/>
    </font>
    <font>
      <sz val="10"/>
      <color theme="1"/>
      <name val="Arial"/>
      <family val="2"/>
      <charset val="204"/>
    </font>
    <font>
      <sz val="10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FF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/>
      <bottom/>
      <diagonal/>
    </border>
  </borders>
  <cellStyleXfs count="1">
    <xf numFmtId="0" fontId="0" fillId="0" borderId="0"/>
  </cellStyleXfs>
  <cellXfs count="42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0" borderId="4" xfId="0" applyBorder="1"/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1" fontId="0" fillId="2" borderId="1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8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1" fontId="0" fillId="0" borderId="1" xfId="0" applyNumberFormat="1" applyFill="1" applyBorder="1" applyAlignment="1" applyProtection="1">
      <alignment horizontal="center" vertical="top"/>
      <protection locked="0"/>
    </xf>
    <xf numFmtId="2" fontId="0" fillId="0" borderId="1" xfId="0" applyNumberFormat="1" applyFont="1" applyFill="1" applyBorder="1" applyAlignment="1">
      <alignment horizontal="center" vertical="top"/>
    </xf>
    <xf numFmtId="0" fontId="1" fillId="0" borderId="1" xfId="0" applyFont="1" applyBorder="1" applyAlignment="1">
      <alignment horizontal="center" vertical="top"/>
    </xf>
    <xf numFmtId="0" fontId="0" fillId="3" borderId="1" xfId="0" applyFill="1" applyBorder="1"/>
    <xf numFmtId="2" fontId="0" fillId="0" borderId="1" xfId="0" applyNumberFormat="1" applyFill="1" applyBorder="1" applyAlignment="1" applyProtection="1">
      <alignment horizontal="center" vertical="top"/>
      <protection locked="0"/>
    </xf>
    <xf numFmtId="0" fontId="0" fillId="0" borderId="13" xfId="0" applyBorder="1"/>
    <xf numFmtId="0" fontId="0" fillId="0" borderId="1" xfId="0" applyFill="1" applyBorder="1"/>
    <xf numFmtId="0" fontId="2" fillId="4" borderId="1" xfId="0" applyFont="1" applyFill="1" applyBorder="1" applyAlignment="1">
      <alignment vertical="top" wrapText="1"/>
    </xf>
    <xf numFmtId="0" fontId="3" fillId="0" borderId="1" xfId="0" applyFont="1" applyBorder="1" applyAlignment="1">
      <alignment horizontal="center" vertical="top"/>
    </xf>
    <xf numFmtId="0" fontId="3" fillId="0" borderId="1" xfId="0" applyFont="1" applyBorder="1" applyAlignment="1">
      <alignment vertical="top" wrapText="1"/>
    </xf>
    <xf numFmtId="2" fontId="4" fillId="2" borderId="1" xfId="0" applyNumberFormat="1" applyFont="1" applyFill="1" applyBorder="1" applyProtection="1">
      <protection locked="0"/>
    </xf>
    <xf numFmtId="0" fontId="3" fillId="0" borderId="14" xfId="0" applyFont="1" applyBorder="1" applyAlignment="1">
      <alignment horizontal="center" vertical="top"/>
    </xf>
    <xf numFmtId="0" fontId="3" fillId="0" borderId="13" xfId="0" applyFont="1" applyBorder="1" applyAlignment="1">
      <alignment horizontal="center" vertical="top"/>
    </xf>
    <xf numFmtId="0" fontId="3" fillId="0" borderId="13" xfId="0" applyFont="1" applyBorder="1" applyAlignment="1">
      <alignment vertical="top" wrapText="1"/>
    </xf>
    <xf numFmtId="2" fontId="4" fillId="2" borderId="13" xfId="0" applyNumberFormat="1" applyFont="1" applyFill="1" applyBorder="1" applyProtection="1">
      <protection locked="0"/>
    </xf>
    <xf numFmtId="0" fontId="3" fillId="0" borderId="15" xfId="0" applyFont="1" applyBorder="1" applyAlignment="1">
      <alignment horizontal="center" vertical="top"/>
    </xf>
    <xf numFmtId="0" fontId="2" fillId="4" borderId="1" xfId="0" applyFont="1" applyFill="1" applyBorder="1" applyAlignment="1">
      <alignment horizontal="center" vertical="top" wrapText="1"/>
    </xf>
    <xf numFmtId="0" fontId="2" fillId="0" borderId="1" xfId="0" applyFont="1" applyBorder="1"/>
    <xf numFmtId="0" fontId="2" fillId="4" borderId="1" xfId="0" applyFont="1" applyFill="1" applyBorder="1" applyAlignment="1">
      <alignment horizontal="center" vertical="top"/>
    </xf>
    <xf numFmtId="0" fontId="2" fillId="0" borderId="1" xfId="0" applyNumberFormat="1" applyFont="1" applyBorder="1"/>
    <xf numFmtId="0" fontId="0" fillId="2" borderId="2" xfId="0" applyFill="1" applyBorder="1" applyAlignment="1" applyProtection="1">
      <protection locked="0"/>
    </xf>
    <xf numFmtId="0" fontId="0" fillId="2" borderId="12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7" tint="0.79998168889431442"/>
  </sheetPr>
  <dimension ref="A1:J25"/>
  <sheetViews>
    <sheetView showGridLines="0" showRowColHeaders="0" tabSelected="1" workbookViewId="0">
      <selection activeCell="G20" sqref="G20"/>
    </sheetView>
  </sheetViews>
  <sheetFormatPr defaultRowHeight="14.4" x14ac:dyDescent="0.3"/>
  <cols>
    <col min="1" max="1" width="12.109375" customWidth="1"/>
    <col min="2" max="2" width="11.5546875" customWidth="1"/>
    <col min="3" max="3" width="8" customWidth="1"/>
    <col min="4" max="4" width="41.5546875" customWidth="1"/>
    <col min="5" max="5" width="10.109375" customWidth="1"/>
    <col min="7" max="7" width="13.44140625" customWidth="1"/>
    <col min="8" max="8" width="7.6640625" customWidth="1"/>
    <col min="9" max="9" width="7.88671875" customWidth="1"/>
    <col min="10" max="10" width="10.44140625" customWidth="1"/>
  </cols>
  <sheetData>
    <row r="1" spans="1:10" x14ac:dyDescent="0.3">
      <c r="A1" t="s">
        <v>0</v>
      </c>
      <c r="B1" s="39" t="s">
        <v>23</v>
      </c>
      <c r="C1" s="40"/>
      <c r="D1" s="41"/>
      <c r="E1" t="s">
        <v>19</v>
      </c>
      <c r="F1" s="14"/>
      <c r="I1" t="s">
        <v>1</v>
      </c>
      <c r="J1" s="13">
        <v>44645</v>
      </c>
    </row>
    <row r="2" spans="1:10" ht="7.5" customHeight="1" thickBot="1" x14ac:dyDescent="0.35"/>
    <row r="3" spans="1:10" ht="15" thickBot="1" x14ac:dyDescent="0.35">
      <c r="A3" s="7" t="s">
        <v>2</v>
      </c>
      <c r="B3" s="8" t="s">
        <v>3</v>
      </c>
      <c r="C3" s="8" t="s">
        <v>21</v>
      </c>
      <c r="D3" s="8" t="s">
        <v>4</v>
      </c>
      <c r="E3" s="8" t="s">
        <v>22</v>
      </c>
      <c r="F3" s="8" t="s">
        <v>5</v>
      </c>
      <c r="G3" s="8" t="s">
        <v>6</v>
      </c>
      <c r="H3" s="8" t="s">
        <v>7</v>
      </c>
      <c r="I3" s="8" t="s">
        <v>8</v>
      </c>
      <c r="J3" s="9" t="s">
        <v>9</v>
      </c>
    </row>
    <row r="4" spans="1:10" ht="15" thickBot="1" x14ac:dyDescent="0.35">
      <c r="A4" s="3" t="s">
        <v>10</v>
      </c>
      <c r="B4" s="1" t="s">
        <v>11</v>
      </c>
      <c r="C4" s="27">
        <v>493.02</v>
      </c>
      <c r="D4" s="28" t="s">
        <v>36</v>
      </c>
      <c r="E4" s="27" t="s">
        <v>25</v>
      </c>
      <c r="F4" s="29">
        <v>10.96</v>
      </c>
      <c r="G4" s="27">
        <v>185.91</v>
      </c>
      <c r="H4" s="27">
        <v>4.8600000000000003</v>
      </c>
      <c r="I4" s="27">
        <v>6.72</v>
      </c>
      <c r="J4" s="30">
        <v>26.35</v>
      </c>
    </row>
    <row r="5" spans="1:10" x14ac:dyDescent="0.3">
      <c r="A5" s="4"/>
      <c r="B5" s="24" t="s">
        <v>12</v>
      </c>
      <c r="C5" s="31">
        <v>283</v>
      </c>
      <c r="D5" s="32" t="s">
        <v>26</v>
      </c>
      <c r="E5" s="31">
        <v>200</v>
      </c>
      <c r="F5" s="33">
        <v>6.25</v>
      </c>
      <c r="G5" s="31">
        <v>135</v>
      </c>
      <c r="H5" s="31">
        <v>3.6</v>
      </c>
      <c r="I5" s="31">
        <v>3.6</v>
      </c>
      <c r="J5" s="34">
        <v>22.8</v>
      </c>
    </row>
    <row r="6" spans="1:10" ht="26.4" x14ac:dyDescent="0.3">
      <c r="A6" s="4"/>
      <c r="B6" s="1" t="s">
        <v>20</v>
      </c>
      <c r="C6" s="27">
        <v>420.02</v>
      </c>
      <c r="D6" s="28" t="s">
        <v>27</v>
      </c>
      <c r="E6" s="27">
        <v>40</v>
      </c>
      <c r="F6" s="29">
        <v>1.85</v>
      </c>
      <c r="G6" s="27">
        <v>104</v>
      </c>
      <c r="H6" s="27">
        <v>3.2</v>
      </c>
      <c r="I6" s="27">
        <v>0.4</v>
      </c>
      <c r="J6" s="27">
        <v>22</v>
      </c>
    </row>
    <row r="7" spans="1:10" x14ac:dyDescent="0.3">
      <c r="A7" s="4"/>
      <c r="B7" s="1"/>
      <c r="C7" s="27">
        <v>401</v>
      </c>
      <c r="D7" s="28" t="s">
        <v>28</v>
      </c>
      <c r="E7" s="27">
        <v>10</v>
      </c>
      <c r="F7" s="29">
        <v>6.87</v>
      </c>
      <c r="G7" s="27">
        <v>66.099999999999994</v>
      </c>
      <c r="H7" s="27">
        <v>0.08</v>
      </c>
      <c r="I7" s="27">
        <v>7.25</v>
      </c>
      <c r="J7" s="27">
        <v>0.13</v>
      </c>
    </row>
    <row r="8" spans="1:10" x14ac:dyDescent="0.3">
      <c r="A8" s="4"/>
      <c r="B8" s="2"/>
      <c r="C8" s="27">
        <v>27.01</v>
      </c>
      <c r="D8" s="28" t="s">
        <v>29</v>
      </c>
      <c r="E8" s="27">
        <v>10</v>
      </c>
      <c r="F8" s="29">
        <v>17.829999999999998</v>
      </c>
      <c r="G8" s="27">
        <v>35</v>
      </c>
      <c r="H8" s="27">
        <v>2.63</v>
      </c>
      <c r="I8" s="27">
        <v>2.66</v>
      </c>
      <c r="J8" s="27"/>
    </row>
    <row r="9" spans="1:10" x14ac:dyDescent="0.3">
      <c r="A9" s="4"/>
      <c r="B9" s="22"/>
      <c r="C9" s="27"/>
      <c r="D9" s="28" t="s">
        <v>37</v>
      </c>
      <c r="E9" s="27">
        <v>200</v>
      </c>
      <c r="F9" s="29">
        <v>16</v>
      </c>
      <c r="G9" s="27">
        <v>58.75</v>
      </c>
      <c r="H9" s="27">
        <v>0.5</v>
      </c>
      <c r="I9" s="27">
        <v>0.5</v>
      </c>
      <c r="J9" s="27">
        <v>12.25</v>
      </c>
    </row>
    <row r="10" spans="1:10" x14ac:dyDescent="0.3">
      <c r="A10" s="4"/>
      <c r="B10" s="2"/>
      <c r="C10" s="21"/>
      <c r="D10" s="1"/>
      <c r="E10" s="1"/>
      <c r="F10" s="1"/>
      <c r="G10" s="1"/>
      <c r="H10" s="1"/>
      <c r="I10" s="1"/>
      <c r="J10" s="1"/>
    </row>
    <row r="11" spans="1:10" x14ac:dyDescent="0.3">
      <c r="A11" s="4"/>
      <c r="B11" s="1"/>
      <c r="C11" s="1"/>
      <c r="D11" s="1"/>
      <c r="E11" s="1"/>
      <c r="F11" s="1"/>
      <c r="G11" s="1"/>
      <c r="H11" s="1"/>
      <c r="I11" s="1"/>
      <c r="J11" s="1"/>
    </row>
    <row r="12" spans="1:10" x14ac:dyDescent="0.3">
      <c r="A12" s="4"/>
      <c r="B12" s="2"/>
      <c r="C12" s="23"/>
      <c r="D12" s="17"/>
      <c r="E12" s="19"/>
      <c r="F12" s="15"/>
      <c r="G12" s="20"/>
      <c r="H12" s="20"/>
      <c r="I12" s="20"/>
      <c r="J12" s="20"/>
    </row>
    <row r="13" spans="1:10" ht="15" thickBot="1" x14ac:dyDescent="0.35">
      <c r="A13" s="5"/>
      <c r="B13" s="2" t="s">
        <v>24</v>
      </c>
      <c r="C13" s="2"/>
      <c r="D13" s="17"/>
      <c r="E13" s="10"/>
      <c r="F13" s="15">
        <f>SUM(F4:F12)</f>
        <v>59.760000000000005</v>
      </c>
      <c r="G13" s="1"/>
      <c r="H13" s="1"/>
      <c r="I13" s="1"/>
      <c r="J13" s="1"/>
    </row>
    <row r="14" spans="1:10" x14ac:dyDescent="0.3">
      <c r="A14" s="3" t="s">
        <v>13</v>
      </c>
      <c r="B14" s="1"/>
      <c r="C14" s="19"/>
      <c r="D14" s="1"/>
      <c r="E14" s="1"/>
      <c r="F14" s="1"/>
      <c r="G14" s="1"/>
      <c r="H14" s="1"/>
      <c r="I14" s="1"/>
      <c r="J14" s="1"/>
    </row>
    <row r="15" spans="1:10" x14ac:dyDescent="0.3">
      <c r="A15" s="4"/>
      <c r="B15" s="2"/>
      <c r="C15" s="2"/>
      <c r="D15" s="17"/>
      <c r="E15" s="10"/>
      <c r="F15" s="15"/>
      <c r="G15" s="10"/>
      <c r="H15" s="10"/>
      <c r="I15" s="10"/>
      <c r="J15" s="10"/>
    </row>
    <row r="16" spans="1:10" ht="15" thickBot="1" x14ac:dyDescent="0.35">
      <c r="A16" s="5"/>
      <c r="B16" s="1"/>
      <c r="C16" s="1"/>
      <c r="D16" s="1"/>
      <c r="E16" s="1"/>
      <c r="F16" s="1"/>
      <c r="G16" s="10"/>
      <c r="H16" s="10"/>
      <c r="I16" s="10"/>
      <c r="J16" s="10"/>
    </row>
    <row r="17" spans="1:10" x14ac:dyDescent="0.3">
      <c r="A17" s="4" t="s">
        <v>14</v>
      </c>
      <c r="B17" s="1" t="s">
        <v>15</v>
      </c>
      <c r="C17" s="35">
        <v>25.23</v>
      </c>
      <c r="D17" s="26" t="s">
        <v>30</v>
      </c>
      <c r="E17" s="35" t="s">
        <v>31</v>
      </c>
      <c r="F17" s="36">
        <v>9.1</v>
      </c>
      <c r="G17" s="37">
        <v>72.63</v>
      </c>
      <c r="H17" s="37">
        <v>1.55</v>
      </c>
      <c r="I17" s="37">
        <v>4.1100000000000003</v>
      </c>
      <c r="J17" s="37">
        <v>7.18</v>
      </c>
    </row>
    <row r="18" spans="1:10" x14ac:dyDescent="0.3">
      <c r="A18" s="4"/>
      <c r="B18" s="1" t="s">
        <v>16</v>
      </c>
      <c r="C18" s="35">
        <v>96.19</v>
      </c>
      <c r="D18" s="26" t="s">
        <v>38</v>
      </c>
      <c r="E18" s="35" t="s">
        <v>39</v>
      </c>
      <c r="F18" s="38">
        <v>27.3</v>
      </c>
      <c r="G18" s="37">
        <v>203.03</v>
      </c>
      <c r="H18" s="37">
        <v>13.78</v>
      </c>
      <c r="I18" s="37">
        <v>15.03</v>
      </c>
      <c r="J18" s="37">
        <v>3.18</v>
      </c>
    </row>
    <row r="19" spans="1:10" x14ac:dyDescent="0.3">
      <c r="A19" s="4"/>
      <c r="B19" s="1" t="s">
        <v>17</v>
      </c>
      <c r="C19" s="35">
        <v>97.64</v>
      </c>
      <c r="D19" s="26" t="s">
        <v>32</v>
      </c>
      <c r="E19" s="35" t="s">
        <v>33</v>
      </c>
      <c r="F19" s="36">
        <v>9.1199999999999992</v>
      </c>
      <c r="G19" s="37">
        <v>210.5</v>
      </c>
      <c r="H19" s="37">
        <v>5.82</v>
      </c>
      <c r="I19" s="37">
        <v>4.3099999999999996</v>
      </c>
      <c r="J19" s="37">
        <v>37.08</v>
      </c>
    </row>
    <row r="20" spans="1:10" x14ac:dyDescent="0.3">
      <c r="A20" s="4"/>
      <c r="B20" s="25" t="s">
        <v>12</v>
      </c>
      <c r="C20" s="35">
        <v>285</v>
      </c>
      <c r="D20" s="26" t="s">
        <v>35</v>
      </c>
      <c r="E20" s="35">
        <v>200</v>
      </c>
      <c r="F20" s="36">
        <v>3.5</v>
      </c>
      <c r="G20" s="37">
        <v>39.9</v>
      </c>
      <c r="H20" s="37"/>
      <c r="I20" s="37"/>
      <c r="J20" s="37">
        <v>9.98</v>
      </c>
    </row>
    <row r="21" spans="1:10" x14ac:dyDescent="0.3">
      <c r="A21" s="4"/>
      <c r="B21" s="1" t="s">
        <v>18</v>
      </c>
      <c r="C21" s="35">
        <v>421.11</v>
      </c>
      <c r="D21" s="26" t="s">
        <v>34</v>
      </c>
      <c r="E21" s="35">
        <v>40</v>
      </c>
      <c r="F21" s="36">
        <v>2.1</v>
      </c>
      <c r="G21" s="37">
        <v>88</v>
      </c>
      <c r="H21" s="37">
        <v>3.2</v>
      </c>
      <c r="I21" s="37">
        <v>0.4</v>
      </c>
      <c r="J21" s="37">
        <v>18.399999999999999</v>
      </c>
    </row>
    <row r="22" spans="1:10" x14ac:dyDescent="0.3">
      <c r="A22" s="4"/>
      <c r="B22" s="22"/>
      <c r="C22" s="27"/>
      <c r="D22" s="28" t="s">
        <v>37</v>
      </c>
      <c r="E22" s="27">
        <v>200</v>
      </c>
      <c r="F22" s="29">
        <v>16</v>
      </c>
      <c r="G22" s="27">
        <v>58.75</v>
      </c>
      <c r="H22" s="27">
        <v>0.5</v>
      </c>
      <c r="I22" s="27">
        <v>0.5</v>
      </c>
      <c r="J22" s="27">
        <v>12.25</v>
      </c>
    </row>
    <row r="23" spans="1:10" x14ac:dyDescent="0.3">
      <c r="A23" s="4"/>
      <c r="B23" s="1"/>
      <c r="C23" s="27"/>
      <c r="D23" s="28"/>
      <c r="E23" s="27"/>
      <c r="F23" s="29"/>
      <c r="G23" s="27"/>
      <c r="H23" s="27"/>
      <c r="I23" s="27"/>
      <c r="J23" s="27"/>
    </row>
    <row r="24" spans="1:10" x14ac:dyDescent="0.3">
      <c r="A24" s="4"/>
      <c r="B24" s="2"/>
      <c r="C24" s="27"/>
      <c r="D24" s="28"/>
      <c r="E24" s="27"/>
      <c r="F24" s="29"/>
      <c r="G24" s="27"/>
      <c r="H24" s="27"/>
      <c r="I24" s="27"/>
      <c r="J24" s="27"/>
    </row>
    <row r="25" spans="1:10" ht="15" thickBot="1" x14ac:dyDescent="0.35">
      <c r="A25" s="5"/>
      <c r="B25" s="6" t="s">
        <v>24</v>
      </c>
      <c r="C25" s="6"/>
      <c r="D25" s="18"/>
      <c r="E25" s="11"/>
      <c r="F25" s="16">
        <f>SUM(F17:F23)</f>
        <v>67.12</v>
      </c>
      <c r="G25" s="11"/>
      <c r="H25" s="11"/>
      <c r="I25" s="11"/>
      <c r="J25" s="12"/>
    </row>
  </sheetData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i5</cp:lastModifiedBy>
  <cp:lastPrinted>2021-05-18T10:32:40Z</cp:lastPrinted>
  <dcterms:created xsi:type="dcterms:W3CDTF">2015-06-05T18:19:34Z</dcterms:created>
  <dcterms:modified xsi:type="dcterms:W3CDTF">2022-03-24T16:50:05Z</dcterms:modified>
</cp:coreProperties>
</file>